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9-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9-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eurn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0739C997-E16D-4276-666A-89B9DC42575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89373" y="5174551"/>
            <a:ext cx="1754151" cy="14945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0A5AC5B-0A0E-B0AE-4F92-3C4A4BFF697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5798" y="3822001"/>
            <a:ext cx="1754151" cy="149453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19T15:02:35Z</dcterms:modified>
</cp:coreProperties>
</file>